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1-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1-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cha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ogo, Graphics, Lettertype&#10;&#10;Automatisch gegenereerde beschrijving">
            <a:extLst>
              <a:ext uri="{FF2B5EF4-FFF2-40B4-BE49-F238E27FC236}">
                <a16:creationId xmlns:a16="http://schemas.microsoft.com/office/drawing/2014/main" id="{A1B3F133-1107-D191-EA15-84693E386A0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1950" y="4560411"/>
            <a:ext cx="2543175" cy="211592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Graphics, Lettertype&#10;&#10;Automatisch gegenereerde beschrijving">
            <a:extLst>
              <a:ext uri="{FF2B5EF4-FFF2-40B4-BE49-F238E27FC236}">
                <a16:creationId xmlns:a16="http://schemas.microsoft.com/office/drawing/2014/main" id="{CFFA215B-ECAA-00E3-8D30-4093F9A8A2F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4875" y="3846883"/>
            <a:ext cx="1844641" cy="153474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31T08:39:07Z</dcterms:modified>
</cp:coreProperties>
</file>